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EC6292D7-C46D-46BA-A651-5306729C5D22}" xr6:coauthVersionLast="47" xr6:coauthVersionMax="47" xr10:uidLastSave="{00000000-0000-0000-0000-000000000000}"/>
  <bookViews>
    <workbookView xWindow="-120" yWindow="-120" windowWidth="20730" windowHeight="11160" xr2:uid="{B0AEF382-681E-4E06-97FE-C1734EA440FD}"/>
  </bookViews>
  <sheets>
    <sheet name="別紙39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39!$A$1:$Z$31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0" uniqueCount="24">
  <si>
    <t>（別紙39）</t>
    <rPh sb="1" eb="3">
      <t>ベッシ</t>
    </rPh>
    <phoneticPr fontId="4"/>
  </si>
  <si>
    <t>配置医師緊急時対応加算に係る届出書</t>
    <rPh sb="0" eb="2">
      <t>ハイチ</t>
    </rPh>
    <rPh sb="2" eb="4">
      <t>イシ</t>
    </rPh>
    <rPh sb="4" eb="7">
      <t>キンキュウジ</t>
    </rPh>
    <rPh sb="7" eb="9">
      <t>タイオウ</t>
    </rPh>
    <rPh sb="9" eb="11">
      <t>カサン</t>
    </rPh>
    <rPh sb="12" eb="13">
      <t>カカ</t>
    </rPh>
    <rPh sb="14" eb="17">
      <t>トドケデショ</t>
    </rPh>
    <phoneticPr fontId="4"/>
  </si>
  <si>
    <t>事 業 所 名</t>
    <phoneticPr fontId="4"/>
  </si>
  <si>
    <t>異動等区分</t>
  </si>
  <si>
    <t>□</t>
  </si>
  <si>
    <t>1　新規</t>
    <phoneticPr fontId="4"/>
  </si>
  <si>
    <t>2　変更</t>
    <phoneticPr fontId="4"/>
  </si>
  <si>
    <t>3　終了</t>
    <phoneticPr fontId="4"/>
  </si>
  <si>
    <t>施 設 種 別</t>
    <rPh sb="0" eb="1">
      <t>シ</t>
    </rPh>
    <rPh sb="2" eb="3">
      <t>セツ</t>
    </rPh>
    <rPh sb="4" eb="5">
      <t>タネ</t>
    </rPh>
    <rPh sb="6" eb="7">
      <t>ベツ</t>
    </rPh>
    <phoneticPr fontId="4"/>
  </si>
  <si>
    <t>1　介護老人福祉施設</t>
    <phoneticPr fontId="4"/>
  </si>
  <si>
    <t>2　地域密着型介護老人福祉施設</t>
    <phoneticPr fontId="4"/>
  </si>
  <si>
    <t xml:space="preserve"> 配置医師緊急時対応加算に関する届出内容</t>
    <rPh sb="1" eb="3">
      <t>ハイチ</t>
    </rPh>
    <rPh sb="3" eb="5">
      <t>イシ</t>
    </rPh>
    <rPh sb="5" eb="8">
      <t>キンキュウジ</t>
    </rPh>
    <rPh sb="8" eb="10">
      <t>タイオウ</t>
    </rPh>
    <rPh sb="10" eb="12">
      <t>カサン</t>
    </rPh>
    <rPh sb="13" eb="14">
      <t>カン</t>
    </rPh>
    <phoneticPr fontId="4"/>
  </si>
  <si>
    <t>配置医師名</t>
    <rPh sb="0" eb="2">
      <t>ハイチ</t>
    </rPh>
    <rPh sb="2" eb="4">
      <t>イシ</t>
    </rPh>
    <rPh sb="4" eb="5">
      <t>メイ</t>
    </rPh>
    <phoneticPr fontId="4"/>
  </si>
  <si>
    <t>連携する協力医療機関</t>
    <rPh sb="0" eb="2">
      <t>レンケイ</t>
    </rPh>
    <rPh sb="4" eb="6">
      <t>キョウリョク</t>
    </rPh>
    <rPh sb="6" eb="8">
      <t>イリョウ</t>
    </rPh>
    <rPh sb="8" eb="10">
      <t>キカン</t>
    </rPh>
    <phoneticPr fontId="4"/>
  </si>
  <si>
    <t>協力医療機関名</t>
    <rPh sb="0" eb="2">
      <t>キョウリョク</t>
    </rPh>
    <rPh sb="2" eb="4">
      <t>イリョウ</t>
    </rPh>
    <rPh sb="4" eb="6">
      <t>キカン</t>
    </rPh>
    <rPh sb="6" eb="7">
      <t>メイ</t>
    </rPh>
    <phoneticPr fontId="4"/>
  </si>
  <si>
    <t>医療機関コード</t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　①　看護体制加算（Ⅱ）を算定している。</t>
    <rPh sb="3" eb="5">
      <t>カンゴ</t>
    </rPh>
    <rPh sb="5" eb="7">
      <t>タイセイ</t>
    </rPh>
    <rPh sb="7" eb="9">
      <t>カサン</t>
    </rPh>
    <rPh sb="13" eb="15">
      <t>サンテイ</t>
    </rPh>
    <phoneticPr fontId="4"/>
  </si>
  <si>
    <t>　②　入所者に対する注意事項や病状等の情報共有並びに、曜
　　日や時間帯ごとの配置医師又は協力医療機関との連絡方法
　　や診察を依頼するタイミング等について、配置医師又は協
　　力医療機関と施設の間で具体的な取り決めがなされている。</t>
    <rPh sb="3" eb="6">
      <t>ニュウショシャ</t>
    </rPh>
    <rPh sb="7" eb="8">
      <t>タイ</t>
    </rPh>
    <rPh sb="10" eb="12">
      <t>チュウイ</t>
    </rPh>
    <rPh sb="12" eb="14">
      <t>ジコウ</t>
    </rPh>
    <rPh sb="15" eb="18">
      <t>ビョウジョウナド</t>
    </rPh>
    <rPh sb="19" eb="21">
      <t>ジョウホウ</t>
    </rPh>
    <rPh sb="21" eb="23">
      <t>キョウユウ</t>
    </rPh>
    <rPh sb="23" eb="24">
      <t>ナラ</t>
    </rPh>
    <rPh sb="33" eb="35">
      <t>ジカン</t>
    </rPh>
    <rPh sb="35" eb="36">
      <t>オビ</t>
    </rPh>
    <rPh sb="39" eb="41">
      <t>ハイチ</t>
    </rPh>
    <rPh sb="41" eb="43">
      <t>イシ</t>
    </rPh>
    <rPh sb="43" eb="44">
      <t>マタ</t>
    </rPh>
    <rPh sb="45" eb="47">
      <t>キョウリョク</t>
    </rPh>
    <rPh sb="47" eb="49">
      <t>イリョウ</t>
    </rPh>
    <rPh sb="49" eb="51">
      <t>キカン</t>
    </rPh>
    <rPh sb="53" eb="55">
      <t>レンラク</t>
    </rPh>
    <rPh sb="55" eb="57">
      <t>ホウホウ</t>
    </rPh>
    <rPh sb="61" eb="63">
      <t>シンサツ</t>
    </rPh>
    <rPh sb="64" eb="66">
      <t>イライ</t>
    </rPh>
    <rPh sb="73" eb="74">
      <t>ナド</t>
    </rPh>
    <rPh sb="79" eb="81">
      <t>ハイチ</t>
    </rPh>
    <rPh sb="81" eb="83">
      <t>イシ</t>
    </rPh>
    <rPh sb="83" eb="84">
      <t>マタ</t>
    </rPh>
    <rPh sb="90" eb="92">
      <t>イリョウ</t>
    </rPh>
    <rPh sb="92" eb="94">
      <t>キカン</t>
    </rPh>
    <rPh sb="95" eb="97">
      <t>シセツ</t>
    </rPh>
    <rPh sb="98" eb="99">
      <t>アイダ</t>
    </rPh>
    <rPh sb="100" eb="103">
      <t>グタイテキ</t>
    </rPh>
    <rPh sb="104" eb="105">
      <t>ト</t>
    </rPh>
    <rPh sb="106" eb="107">
      <t>キ</t>
    </rPh>
    <phoneticPr fontId="4"/>
  </si>
  <si>
    <t>　③　複数名の配置医師を置いている、若しくは配置医と協力
　　医療機関の医師が連携し、施設の求めに応じて24時間対応
　　できる体制を確保している。</t>
    <rPh sb="3" eb="5">
      <t>フクスウ</t>
    </rPh>
    <rPh sb="5" eb="6">
      <t>メイ</t>
    </rPh>
    <rPh sb="7" eb="9">
      <t>ハイチ</t>
    </rPh>
    <rPh sb="9" eb="11">
      <t>イシ</t>
    </rPh>
    <rPh sb="12" eb="13">
      <t>オ</t>
    </rPh>
    <rPh sb="18" eb="19">
      <t>モ</t>
    </rPh>
    <rPh sb="22" eb="24">
      <t>ハイチ</t>
    </rPh>
    <rPh sb="24" eb="25">
      <t>イ</t>
    </rPh>
    <rPh sb="26" eb="28">
      <t>キョウリョク</t>
    </rPh>
    <rPh sb="31" eb="33">
      <t>イリョウ</t>
    </rPh>
    <rPh sb="33" eb="35">
      <t>キカン</t>
    </rPh>
    <rPh sb="36" eb="38">
      <t>イシ</t>
    </rPh>
    <rPh sb="39" eb="41">
      <t>レンケイ</t>
    </rPh>
    <rPh sb="43" eb="45">
      <t>シセツ</t>
    </rPh>
    <rPh sb="46" eb="47">
      <t>モト</t>
    </rPh>
    <rPh sb="49" eb="50">
      <t>オウ</t>
    </rPh>
    <rPh sb="56" eb="58">
      <t>タイオウ</t>
    </rPh>
    <rPh sb="64" eb="66">
      <t>タイセイ</t>
    </rPh>
    <rPh sb="67" eb="69">
      <t>カクホ</t>
    </rPh>
    <phoneticPr fontId="4"/>
  </si>
  <si>
    <t>　④　②及び③の内容について届出を行っている。</t>
    <rPh sb="4" eb="5">
      <t>オヨ</t>
    </rPh>
    <rPh sb="8" eb="10">
      <t>ナイヨウ</t>
    </rPh>
    <rPh sb="14" eb="16">
      <t>トドケデ</t>
    </rPh>
    <rPh sb="17" eb="18">
      <t>オコナ</t>
    </rPh>
    <phoneticPr fontId="4"/>
  </si>
  <si>
    <t>備考１　配置医師については、「特別養護老人ホーム等における療養の給付の取扱いについ
　　　て」（平成18年３月31日保医発0331002）別紙様式「特別養護老人ホーム等の施設の
　　　状況及び配置医師等について」に記載された配置医師を記載してください。
備考２　各要件を満たす場合については、それぞれ根拠となる（要件を満たすことがわかる）
         書類も提出してください。　　</t>
    <rPh sb="0" eb="2">
      <t>ビコウ</t>
    </rPh>
    <rPh sb="4" eb="6">
      <t>ハイチ</t>
    </rPh>
    <rPh sb="6" eb="8">
      <t>イシ</t>
    </rPh>
    <rPh sb="15" eb="17">
      <t>トクベツ</t>
    </rPh>
    <rPh sb="17" eb="19">
      <t>ヨウゴ</t>
    </rPh>
    <rPh sb="19" eb="21">
      <t>ロウジン</t>
    </rPh>
    <rPh sb="24" eb="25">
      <t>ナド</t>
    </rPh>
    <rPh sb="29" eb="31">
      <t>リョウヨウ</t>
    </rPh>
    <rPh sb="32" eb="34">
      <t>キュウフ</t>
    </rPh>
    <rPh sb="35" eb="37">
      <t>トリアツカイ</t>
    </rPh>
    <rPh sb="48" eb="50">
      <t>ヘイセイ</t>
    </rPh>
    <rPh sb="52" eb="53">
      <t>ネン</t>
    </rPh>
    <rPh sb="54" eb="55">
      <t>ガツ</t>
    </rPh>
    <rPh sb="57" eb="58">
      <t>ニチ</t>
    </rPh>
    <rPh sb="58" eb="59">
      <t>ホ</t>
    </rPh>
    <rPh sb="59" eb="60">
      <t>イ</t>
    </rPh>
    <rPh sb="60" eb="61">
      <t>ハツ</t>
    </rPh>
    <rPh sb="69" eb="71">
      <t>ベッシ</t>
    </rPh>
    <rPh sb="71" eb="73">
      <t>ヨウシキ</t>
    </rPh>
    <rPh sb="74" eb="76">
      <t>トクベツ</t>
    </rPh>
    <rPh sb="76" eb="78">
      <t>ヨウゴ</t>
    </rPh>
    <rPh sb="78" eb="80">
      <t>ロウジン</t>
    </rPh>
    <rPh sb="83" eb="84">
      <t>ナド</t>
    </rPh>
    <rPh sb="85" eb="87">
      <t>シセツ</t>
    </rPh>
    <rPh sb="92" eb="94">
      <t>ジョウキョウ</t>
    </rPh>
    <rPh sb="94" eb="95">
      <t>オヨ</t>
    </rPh>
    <rPh sb="96" eb="98">
      <t>ハイチ</t>
    </rPh>
    <rPh sb="98" eb="100">
      <t>イシ</t>
    </rPh>
    <rPh sb="100" eb="101">
      <t>トウ</t>
    </rPh>
    <rPh sb="107" eb="109">
      <t>キサイ</t>
    </rPh>
    <rPh sb="112" eb="114">
      <t>ハイチ</t>
    </rPh>
    <rPh sb="114" eb="116">
      <t>イシ</t>
    </rPh>
    <rPh sb="117" eb="119">
      <t>キサイ</t>
    </rPh>
    <rPh sb="127" eb="129">
      <t>ビコ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46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vertical="center"/>
    </xf>
    <xf numFmtId="0" fontId="2" fillId="0" borderId="5" xfId="1" applyFont="1" applyBorder="1" applyAlignment="1">
      <alignment vertical="center"/>
    </xf>
    <xf numFmtId="0" fontId="2" fillId="0" borderId="6" xfId="1" applyFont="1" applyBorder="1" applyAlignment="1">
      <alignment vertical="center"/>
    </xf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5" xfId="1" applyFont="1" applyBorder="1" applyAlignment="1">
      <alignment horizontal="left" vertical="center"/>
    </xf>
    <xf numFmtId="0" fontId="2" fillId="0" borderId="5" xfId="1" applyFont="1" applyBorder="1" applyAlignment="1">
      <alignment horizontal="center" vertical="center"/>
    </xf>
    <xf numFmtId="0" fontId="5" fillId="0" borderId="2" xfId="1" applyFont="1" applyBorder="1" applyAlignment="1">
      <alignment horizontal="center" vertical="center"/>
    </xf>
    <xf numFmtId="0" fontId="5" fillId="0" borderId="3" xfId="1" applyFont="1" applyBorder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 wrapText="1"/>
    </xf>
    <xf numFmtId="0" fontId="2" fillId="0" borderId="3" xfId="1" applyFont="1" applyBorder="1" applyAlignment="1">
      <alignment horizontal="left" vertical="center" wrapText="1"/>
    </xf>
    <xf numFmtId="0" fontId="2" fillId="0" borderId="4" xfId="1" applyFont="1" applyBorder="1" applyAlignment="1">
      <alignment horizontal="left" vertical="center" wrapText="1"/>
    </xf>
    <xf numFmtId="0" fontId="2" fillId="0" borderId="2" xfId="1" applyFont="1" applyBorder="1" applyAlignment="1">
      <alignment vertical="top" wrapText="1"/>
    </xf>
    <xf numFmtId="0" fontId="2" fillId="0" borderId="3" xfId="1" applyFont="1" applyBorder="1" applyAlignment="1">
      <alignment vertical="top" wrapText="1"/>
    </xf>
    <xf numFmtId="0" fontId="2" fillId="0" borderId="4" xfId="1" applyFont="1" applyBorder="1" applyAlignment="1">
      <alignment vertical="top" wrapText="1"/>
    </xf>
    <xf numFmtId="0" fontId="2" fillId="0" borderId="12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0" xfId="1" applyFont="1" applyAlignment="1">
      <alignment vertical="top" wrapText="1"/>
    </xf>
    <xf numFmtId="0" fontId="2" fillId="0" borderId="0" xfId="1" applyFont="1" applyAlignment="1">
      <alignment vertical="top"/>
    </xf>
    <xf numFmtId="0" fontId="2" fillId="0" borderId="0" xfId="1" applyFont="1" applyAlignment="1">
      <alignment horizontal="left"/>
    </xf>
    <xf numFmtId="0" fontId="2" fillId="0" borderId="0" xfId="1" applyFont="1" applyAlignment="1">
      <alignment vertical="top"/>
    </xf>
    <xf numFmtId="0" fontId="2" fillId="0" borderId="5" xfId="1" applyFont="1" applyBorder="1"/>
    <xf numFmtId="0" fontId="2" fillId="0" borderId="0" xfId="1" applyFont="1"/>
    <xf numFmtId="0" fontId="2" fillId="0" borderId="8" xfId="1" applyFont="1" applyBorder="1"/>
    <xf numFmtId="0" fontId="2" fillId="0" borderId="0" xfId="1" applyFont="1" applyAlignment="1">
      <alignment horizontal="center"/>
    </xf>
  </cellXfs>
  <cellStyles count="2">
    <cellStyle name="標準" xfId="0" builtinId="0"/>
    <cellStyle name="標準 2" xfId="1" xr:uid="{65AC434B-5E80-4687-90A1-54B41C0A3ED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523FC2F-CB7D-42D2-8E00-8AA03BAADF9D}">
  <dimension ref="B1:Z123"/>
  <sheetViews>
    <sheetView tabSelected="1" zoomScaleNormal="100" workbookViewId="0">
      <selection activeCell="F61" sqref="F61"/>
    </sheetView>
  </sheetViews>
  <sheetFormatPr defaultColWidth="3.5" defaultRowHeight="13.5" x14ac:dyDescent="0.15"/>
  <cols>
    <col min="1" max="1" width="1.75" style="43" customWidth="1"/>
    <col min="2" max="2" width="3" style="45" customWidth="1"/>
    <col min="3" max="18" width="3.5" style="43"/>
    <col min="19" max="19" width="3.875" style="43" customWidth="1"/>
    <col min="20" max="26" width="3.5" style="43"/>
    <col min="27" max="27" width="1.375" style="43" customWidth="1"/>
    <col min="28" max="16384" width="3.5" style="43"/>
  </cols>
  <sheetData>
    <row r="1" spans="2:26" s="1" customFormat="1" x14ac:dyDescent="0.4"/>
    <row r="2" spans="2:26" s="1" customFormat="1" x14ac:dyDescent="0.4">
      <c r="B2" s="1" t="s">
        <v>0</v>
      </c>
    </row>
    <row r="3" spans="2:26" s="1" customFormat="1" x14ac:dyDescent="0.4"/>
    <row r="4" spans="2:26" s="1" customFormat="1" x14ac:dyDescent="0.4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6" s="1" customFormat="1" x14ac:dyDescent="0.4"/>
    <row r="6" spans="2:26" s="1" customFormat="1" ht="31.5" customHeight="1" x14ac:dyDescent="0.4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6"/>
    </row>
    <row r="7" spans="2:26" s="1" customFormat="1" ht="31.5" customHeight="1" x14ac:dyDescent="0.4">
      <c r="B7" s="7" t="s">
        <v>3</v>
      </c>
      <c r="C7" s="8"/>
      <c r="D7" s="8"/>
      <c r="E7" s="8"/>
      <c r="F7" s="9"/>
      <c r="G7" s="10" t="s">
        <v>4</v>
      </c>
      <c r="H7" s="11" t="s">
        <v>5</v>
      </c>
      <c r="I7" s="11"/>
      <c r="J7" s="11"/>
      <c r="K7" s="11"/>
      <c r="L7" s="12" t="s">
        <v>4</v>
      </c>
      <c r="M7" s="11" t="s">
        <v>6</v>
      </c>
      <c r="N7" s="11"/>
      <c r="O7" s="11"/>
      <c r="P7" s="11"/>
      <c r="Q7" s="12" t="s">
        <v>4</v>
      </c>
      <c r="R7" s="11" t="s">
        <v>7</v>
      </c>
      <c r="S7" s="11"/>
      <c r="T7" s="11"/>
      <c r="U7" s="11"/>
      <c r="V7" s="11"/>
      <c r="W7" s="11"/>
      <c r="X7" s="11"/>
      <c r="Y7" s="11"/>
      <c r="Z7" s="13"/>
    </row>
    <row r="8" spans="2:26" s="1" customFormat="1" ht="31.5" customHeight="1" x14ac:dyDescent="0.4">
      <c r="B8" s="7" t="s">
        <v>8</v>
      </c>
      <c r="C8" s="8"/>
      <c r="D8" s="8"/>
      <c r="E8" s="8"/>
      <c r="F8" s="9"/>
      <c r="G8" s="10" t="s">
        <v>4</v>
      </c>
      <c r="H8" s="11" t="s">
        <v>9</v>
      </c>
      <c r="I8" s="11"/>
      <c r="J8" s="11"/>
      <c r="K8" s="11"/>
      <c r="L8" s="11"/>
      <c r="M8" s="11"/>
      <c r="N8" s="11"/>
      <c r="O8" s="11"/>
      <c r="P8" s="11"/>
      <c r="Q8" s="12" t="s">
        <v>4</v>
      </c>
      <c r="R8" s="11" t="s">
        <v>10</v>
      </c>
      <c r="S8" s="11"/>
      <c r="T8" s="11"/>
      <c r="U8" s="11"/>
      <c r="V8" s="11"/>
      <c r="W8" s="14"/>
      <c r="X8" s="14"/>
      <c r="Y8" s="14"/>
      <c r="Z8" s="15"/>
    </row>
    <row r="9" spans="2:26" s="1" customFormat="1" x14ac:dyDescent="0.4"/>
    <row r="10" spans="2:26" s="1" customFormat="1" x14ac:dyDescent="0.4">
      <c r="B10" s="16"/>
      <c r="C10" s="17"/>
      <c r="D10" s="17"/>
      <c r="E10" s="17"/>
      <c r="F10" s="17"/>
      <c r="G10" s="17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7"/>
      <c r="V10" s="17"/>
      <c r="W10" s="17"/>
      <c r="X10" s="17"/>
      <c r="Y10" s="17"/>
      <c r="Z10" s="18"/>
    </row>
    <row r="11" spans="2:26" s="1" customFormat="1" x14ac:dyDescent="0.4">
      <c r="B11" s="19" t="s">
        <v>11</v>
      </c>
      <c r="Z11" s="20"/>
    </row>
    <row r="12" spans="2:26" s="1" customFormat="1" x14ac:dyDescent="0.4">
      <c r="B12" s="19"/>
      <c r="L12" s="21"/>
      <c r="Q12" s="21"/>
      <c r="V12" s="21"/>
      <c r="Z12" s="20"/>
    </row>
    <row r="13" spans="2:26" s="1" customFormat="1" x14ac:dyDescent="0.4">
      <c r="B13" s="19"/>
      <c r="C13" s="1" t="s">
        <v>12</v>
      </c>
      <c r="Z13" s="20"/>
    </row>
    <row r="14" spans="2:26" s="1" customFormat="1" ht="4.5" customHeight="1" x14ac:dyDescent="0.4">
      <c r="B14" s="19"/>
      <c r="Z14" s="20"/>
    </row>
    <row r="15" spans="2:26" s="1" customFormat="1" ht="24" customHeight="1" x14ac:dyDescent="0.4">
      <c r="B15" s="19"/>
      <c r="C15" s="4"/>
      <c r="D15" s="5"/>
      <c r="E15" s="5"/>
      <c r="F15" s="5"/>
      <c r="G15" s="5"/>
      <c r="H15" s="5"/>
      <c r="I15" s="5"/>
      <c r="J15" s="5"/>
      <c r="K15" s="5"/>
      <c r="L15" s="5"/>
      <c r="M15" s="5"/>
      <c r="N15" s="5"/>
      <c r="O15" s="5"/>
      <c r="P15" s="5"/>
      <c r="Q15" s="5"/>
      <c r="R15" s="5"/>
      <c r="S15" s="5"/>
      <c r="T15" s="5"/>
      <c r="U15" s="5"/>
      <c r="V15" s="5"/>
      <c r="W15" s="5"/>
      <c r="X15" s="5"/>
      <c r="Y15" s="6"/>
      <c r="Z15" s="22"/>
    </row>
    <row r="16" spans="2:26" s="1" customFormat="1" ht="21" customHeight="1" x14ac:dyDescent="0.4">
      <c r="B16" s="19"/>
      <c r="C16" s="4"/>
      <c r="D16" s="5"/>
      <c r="E16" s="5"/>
      <c r="F16" s="5"/>
      <c r="G16" s="5"/>
      <c r="H16" s="5"/>
      <c r="I16" s="5"/>
      <c r="J16" s="5"/>
      <c r="K16" s="5"/>
      <c r="L16" s="5"/>
      <c r="M16" s="5"/>
      <c r="N16" s="5"/>
      <c r="O16" s="5"/>
      <c r="P16" s="5"/>
      <c r="Q16" s="5"/>
      <c r="R16" s="5"/>
      <c r="S16" s="5"/>
      <c r="T16" s="5"/>
      <c r="U16" s="5"/>
      <c r="V16" s="5"/>
      <c r="W16" s="5"/>
      <c r="X16" s="5"/>
      <c r="Y16" s="6"/>
      <c r="Z16" s="20"/>
    </row>
    <row r="17" spans="2:26" s="1" customFormat="1" ht="21" customHeight="1" x14ac:dyDescent="0.4">
      <c r="B17" s="19"/>
      <c r="C17" s="4"/>
      <c r="D17" s="5"/>
      <c r="E17" s="5"/>
      <c r="F17" s="5"/>
      <c r="G17" s="5"/>
      <c r="H17" s="5"/>
      <c r="I17" s="5"/>
      <c r="J17" s="5"/>
      <c r="K17" s="5"/>
      <c r="L17" s="5"/>
      <c r="M17" s="5"/>
      <c r="N17" s="5"/>
      <c r="O17" s="5"/>
      <c r="P17" s="5"/>
      <c r="Q17" s="5"/>
      <c r="R17" s="5"/>
      <c r="S17" s="5"/>
      <c r="T17" s="5"/>
      <c r="U17" s="5"/>
      <c r="V17" s="5"/>
      <c r="W17" s="5"/>
      <c r="X17" s="5"/>
      <c r="Y17" s="6"/>
      <c r="Z17" s="20"/>
    </row>
    <row r="18" spans="2:26" s="1" customFormat="1" x14ac:dyDescent="0.4">
      <c r="B18" s="19"/>
      <c r="C18" s="1" t="s">
        <v>13</v>
      </c>
      <c r="Z18" s="20"/>
    </row>
    <row r="19" spans="2:26" s="1" customFormat="1" ht="4.5" customHeight="1" x14ac:dyDescent="0.4">
      <c r="B19" s="19"/>
      <c r="Z19" s="20"/>
    </row>
    <row r="20" spans="2:26" s="1" customFormat="1" ht="24" customHeight="1" x14ac:dyDescent="0.4">
      <c r="B20" s="19"/>
      <c r="C20" s="3" t="s">
        <v>14</v>
      </c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8" t="s">
        <v>15</v>
      </c>
      <c r="T20" s="8"/>
      <c r="U20" s="8"/>
      <c r="V20" s="8"/>
      <c r="W20" s="8"/>
      <c r="X20" s="8"/>
      <c r="Y20" s="9"/>
      <c r="Z20" s="22"/>
    </row>
    <row r="21" spans="2:26" s="1" customFormat="1" ht="21" customHeight="1" x14ac:dyDescent="0.4">
      <c r="B21" s="19"/>
      <c r="C21" s="7"/>
      <c r="D21" s="8"/>
      <c r="E21" s="8"/>
      <c r="F21" s="8"/>
      <c r="G21" s="8"/>
      <c r="H21" s="8"/>
      <c r="I21" s="8"/>
      <c r="J21" s="8"/>
      <c r="K21" s="8"/>
      <c r="L21" s="8"/>
      <c r="M21" s="8"/>
      <c r="N21" s="8"/>
      <c r="O21" s="8"/>
      <c r="P21" s="8"/>
      <c r="Q21" s="8"/>
      <c r="R21" s="9"/>
      <c r="S21" s="23"/>
      <c r="T21" s="23"/>
      <c r="U21" s="23"/>
      <c r="V21" s="23"/>
      <c r="W21" s="23"/>
      <c r="X21" s="23"/>
      <c r="Y21" s="23"/>
      <c r="Z21" s="20"/>
    </row>
    <row r="22" spans="2:26" s="1" customFormat="1" ht="12" customHeight="1" x14ac:dyDescent="0.4">
      <c r="B22" s="19"/>
      <c r="C22" s="24"/>
      <c r="D22" s="24"/>
      <c r="E22" s="24"/>
      <c r="F22" s="24"/>
      <c r="G22" s="24"/>
      <c r="H22" s="24"/>
      <c r="I22" s="24"/>
      <c r="J22" s="24"/>
      <c r="K22" s="24"/>
      <c r="L22" s="24"/>
      <c r="M22" s="24"/>
      <c r="N22" s="24"/>
      <c r="O22" s="24"/>
      <c r="P22" s="17"/>
      <c r="Q22" s="17"/>
      <c r="R22" s="17"/>
      <c r="S22" s="17"/>
      <c r="T22" s="25"/>
      <c r="U22" s="25"/>
      <c r="V22" s="25"/>
      <c r="W22" s="25"/>
      <c r="X22" s="25"/>
      <c r="Y22" s="25"/>
      <c r="Z22" s="20"/>
    </row>
    <row r="23" spans="2:26" s="1" customFormat="1" ht="21" customHeight="1" x14ac:dyDescent="0.4">
      <c r="B23" s="19"/>
      <c r="C23" s="26"/>
      <c r="D23" s="26"/>
      <c r="E23" s="26"/>
      <c r="F23" s="26"/>
      <c r="G23" s="26"/>
      <c r="H23" s="26"/>
      <c r="I23" s="26"/>
      <c r="J23" s="26"/>
      <c r="K23" s="26"/>
      <c r="L23" s="26"/>
      <c r="M23" s="26"/>
      <c r="N23" s="26"/>
      <c r="O23" s="26"/>
      <c r="P23" s="25"/>
      <c r="Q23" s="25"/>
      <c r="R23" s="25"/>
      <c r="S23" s="25"/>
      <c r="T23" s="27" t="s">
        <v>16</v>
      </c>
      <c r="U23" s="28"/>
      <c r="V23" s="28" t="s">
        <v>17</v>
      </c>
      <c r="W23" s="28"/>
      <c r="X23" s="28" t="s">
        <v>18</v>
      </c>
      <c r="Y23" s="29"/>
      <c r="Z23" s="20"/>
    </row>
    <row r="24" spans="2:26" s="1" customFormat="1" ht="26.25" customHeight="1" x14ac:dyDescent="0.4">
      <c r="B24" s="19"/>
      <c r="C24" s="30" t="s">
        <v>19</v>
      </c>
      <c r="D24" s="31"/>
      <c r="E24" s="31"/>
      <c r="F24" s="31"/>
      <c r="G24" s="31"/>
      <c r="H24" s="31"/>
      <c r="I24" s="31"/>
      <c r="J24" s="31"/>
      <c r="K24" s="31"/>
      <c r="L24" s="31"/>
      <c r="M24" s="31"/>
      <c r="N24" s="31"/>
      <c r="O24" s="31"/>
      <c r="P24" s="31"/>
      <c r="Q24" s="31"/>
      <c r="R24" s="31"/>
      <c r="S24" s="32"/>
      <c r="T24" s="7" t="s">
        <v>4</v>
      </c>
      <c r="U24" s="8"/>
      <c r="V24" s="28" t="s">
        <v>17</v>
      </c>
      <c r="W24" s="28"/>
      <c r="X24" s="8" t="s">
        <v>4</v>
      </c>
      <c r="Y24" s="9"/>
      <c r="Z24" s="20"/>
    </row>
    <row r="25" spans="2:26" s="1" customFormat="1" ht="58.5" customHeight="1" x14ac:dyDescent="0.4">
      <c r="B25" s="19"/>
      <c r="C25" s="33" t="s">
        <v>20</v>
      </c>
      <c r="D25" s="34"/>
      <c r="E25" s="34"/>
      <c r="F25" s="34"/>
      <c r="G25" s="34"/>
      <c r="H25" s="34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5"/>
      <c r="T25" s="7" t="s">
        <v>4</v>
      </c>
      <c r="U25" s="8"/>
      <c r="V25" s="28" t="s">
        <v>17</v>
      </c>
      <c r="W25" s="28"/>
      <c r="X25" s="8" t="s">
        <v>4</v>
      </c>
      <c r="Y25" s="9"/>
      <c r="Z25" s="20"/>
    </row>
    <row r="26" spans="2:26" s="1" customFormat="1" ht="46.5" customHeight="1" x14ac:dyDescent="0.4">
      <c r="B26" s="19"/>
      <c r="C26" s="30" t="s">
        <v>21</v>
      </c>
      <c r="D26" s="31"/>
      <c r="E26" s="31"/>
      <c r="F26" s="31"/>
      <c r="G26" s="31"/>
      <c r="H26" s="31"/>
      <c r="I26" s="31"/>
      <c r="J26" s="31"/>
      <c r="K26" s="31"/>
      <c r="L26" s="31"/>
      <c r="M26" s="31"/>
      <c r="N26" s="31"/>
      <c r="O26" s="31"/>
      <c r="P26" s="31"/>
      <c r="Q26" s="31"/>
      <c r="R26" s="31"/>
      <c r="S26" s="32"/>
      <c r="T26" s="7" t="s">
        <v>4</v>
      </c>
      <c r="U26" s="8"/>
      <c r="V26" s="28" t="s">
        <v>17</v>
      </c>
      <c r="W26" s="28"/>
      <c r="X26" s="8" t="s">
        <v>4</v>
      </c>
      <c r="Y26" s="9"/>
      <c r="Z26" s="20"/>
    </row>
    <row r="27" spans="2:26" s="1" customFormat="1" ht="26.25" customHeight="1" x14ac:dyDescent="0.4">
      <c r="B27" s="19"/>
      <c r="C27" s="30" t="s">
        <v>22</v>
      </c>
      <c r="D27" s="31"/>
      <c r="E27" s="31"/>
      <c r="F27" s="31"/>
      <c r="G27" s="31"/>
      <c r="H27" s="31"/>
      <c r="I27" s="31"/>
      <c r="J27" s="31"/>
      <c r="K27" s="31"/>
      <c r="L27" s="31"/>
      <c r="M27" s="31"/>
      <c r="N27" s="31"/>
      <c r="O27" s="31"/>
      <c r="P27" s="31"/>
      <c r="Q27" s="31"/>
      <c r="R27" s="31"/>
      <c r="S27" s="32"/>
      <c r="T27" s="7" t="s">
        <v>4</v>
      </c>
      <c r="U27" s="8"/>
      <c r="V27" s="28" t="s">
        <v>17</v>
      </c>
      <c r="W27" s="28"/>
      <c r="X27" s="8" t="s">
        <v>4</v>
      </c>
      <c r="Y27" s="9"/>
      <c r="Z27" s="20"/>
    </row>
    <row r="28" spans="2:26" s="1" customFormat="1" ht="9" customHeight="1" x14ac:dyDescent="0.4">
      <c r="B28" s="36"/>
      <c r="C28" s="25"/>
      <c r="D28" s="25"/>
      <c r="E28" s="25"/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5"/>
      <c r="X28" s="25"/>
      <c r="Y28" s="25"/>
      <c r="Z28" s="37"/>
    </row>
    <row r="29" spans="2:26" s="1" customFormat="1" x14ac:dyDescent="0.4"/>
    <row r="30" spans="2:26" s="1" customFormat="1" ht="13.5" customHeight="1" x14ac:dyDescent="0.4">
      <c r="B30" s="38" t="s">
        <v>23</v>
      </c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  <c r="W30" s="39"/>
      <c r="X30" s="39"/>
      <c r="Y30" s="39"/>
      <c r="Z30" s="39"/>
    </row>
    <row r="31" spans="2:26" s="40" customFormat="1" ht="73.5" customHeight="1" x14ac:dyDescent="0.15">
      <c r="B31" s="39"/>
      <c r="C31" s="39"/>
      <c r="D31" s="39"/>
      <c r="E31" s="39"/>
      <c r="F31" s="39"/>
      <c r="G31" s="39"/>
      <c r="H31" s="39"/>
      <c r="I31" s="39"/>
      <c r="J31" s="39"/>
      <c r="K31" s="39"/>
      <c r="L31" s="39"/>
      <c r="M31" s="39"/>
      <c r="N31" s="39"/>
      <c r="O31" s="39"/>
      <c r="P31" s="39"/>
      <c r="Q31" s="39"/>
      <c r="R31" s="39"/>
      <c r="S31" s="39"/>
      <c r="T31" s="39"/>
      <c r="U31" s="39"/>
      <c r="V31" s="39"/>
      <c r="W31" s="39"/>
      <c r="X31" s="39"/>
      <c r="Y31" s="39"/>
      <c r="Z31" s="39"/>
    </row>
    <row r="32" spans="2:26" s="40" customFormat="1" x14ac:dyDescent="0.15"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  <c r="W32" s="41"/>
      <c r="X32" s="41"/>
      <c r="Y32" s="41"/>
      <c r="Z32" s="41"/>
    </row>
    <row r="33" spans="2:26" s="40" customFormat="1" x14ac:dyDescent="0.15">
      <c r="B33" s="41"/>
      <c r="C33" s="41"/>
      <c r="D33" s="41"/>
      <c r="E33" s="41"/>
      <c r="F33" s="41"/>
      <c r="G33" s="41"/>
      <c r="H33" s="41"/>
      <c r="I33" s="41"/>
      <c r="J33" s="41"/>
      <c r="K33" s="41"/>
      <c r="L33" s="41"/>
      <c r="M33" s="41"/>
      <c r="N33" s="41"/>
      <c r="O33" s="41"/>
      <c r="P33" s="41"/>
      <c r="Q33" s="41"/>
      <c r="R33" s="41"/>
      <c r="S33" s="41"/>
      <c r="T33" s="41"/>
      <c r="U33" s="41"/>
      <c r="V33" s="41"/>
      <c r="W33" s="41"/>
      <c r="X33" s="41"/>
      <c r="Y33" s="41"/>
      <c r="Z33" s="41"/>
    </row>
    <row r="122" spans="3:7" x14ac:dyDescent="0.15">
      <c r="C122" s="42"/>
      <c r="D122" s="42"/>
      <c r="E122" s="42"/>
      <c r="F122" s="42"/>
      <c r="G122" s="42"/>
    </row>
    <row r="123" spans="3:7" x14ac:dyDescent="0.15">
      <c r="C123" s="44"/>
    </row>
  </sheetData>
  <mergeCells count="31">
    <mergeCell ref="B30:Z31"/>
    <mergeCell ref="C26:S26"/>
    <mergeCell ref="T26:U26"/>
    <mergeCell ref="V26:W26"/>
    <mergeCell ref="X26:Y26"/>
    <mergeCell ref="C27:S27"/>
    <mergeCell ref="T27:U27"/>
    <mergeCell ref="V27:W27"/>
    <mergeCell ref="X27:Y27"/>
    <mergeCell ref="C24:S24"/>
    <mergeCell ref="T24:U24"/>
    <mergeCell ref="V24:W24"/>
    <mergeCell ref="X24:Y24"/>
    <mergeCell ref="C25:S25"/>
    <mergeCell ref="T25:U25"/>
    <mergeCell ref="V25:W25"/>
    <mergeCell ref="X25:Y25"/>
    <mergeCell ref="C16:Y16"/>
    <mergeCell ref="C17:Y17"/>
    <mergeCell ref="C20:R20"/>
    <mergeCell ref="S20:Y20"/>
    <mergeCell ref="C21:R21"/>
    <mergeCell ref="T23:U23"/>
    <mergeCell ref="V23:W23"/>
    <mergeCell ref="X23:Y23"/>
    <mergeCell ref="B4:Z4"/>
    <mergeCell ref="B6:F6"/>
    <mergeCell ref="G6:Z6"/>
    <mergeCell ref="B7:F7"/>
    <mergeCell ref="B8:F8"/>
    <mergeCell ref="C15:Y15"/>
  </mergeCells>
  <phoneticPr fontId="3"/>
  <dataValidations count="1">
    <dataValidation type="list" allowBlank="1" showInputMessage="1" showErrorMessage="1" sqref="G7:G8 L7 Q7:Q8 T24:U27 X24:Y27" xr:uid="{61B2F751-018B-47CC-B2C4-7F807C76E042}">
      <formula1>"□,■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D5B9E3-B732-47FB-944B-7564B50BD14E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39</vt:lpstr>
      <vt:lpstr>Sheet1</vt:lpstr>
      <vt:lpstr>別紙39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33:18Z</dcterms:created>
  <dcterms:modified xsi:type="dcterms:W3CDTF">2024-03-22T05:33:53Z</dcterms:modified>
</cp:coreProperties>
</file>